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528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90305"/>
    <a:srgbClr val="CD4A5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108" y="624"/>
      </p:cViewPr>
      <p:guideLst>
        <p:guide orient="horz" pos="2160"/>
        <p:guide pos="528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4AA477-6097-550F-3768-663DF33C7BC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F189FCF-6215-04AA-6C35-AD384697BEB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66F51C9-9453-15FB-7C4B-3C5D66B0D8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D04359-DE2C-19F1-8967-151178CBE7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D35A3BC-4CFC-8BD2-8618-BB0749DBAB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89943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C8E062-8EF2-7231-DE53-9EAB0959A6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EC9DBE9-9A52-A922-E5D7-BD43CEB46B8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9EF603-45FF-3164-5EA7-42B01884B7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2F9D8B-04C0-3D32-4D5C-FBCBD6C8BC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A229723-EF88-6374-E9DD-D93CC71724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23490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A5B99D5F-46A7-12E0-2624-DE54F915C50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682B45B-8DED-7925-DD21-AAB5D63EC43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505D3A-305F-C72C-6432-CB1F2FEED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A3E9322-8C38-AB5F-9949-88E197E7CA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EBA773-2DE5-256B-F71F-BE30F22416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80668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E96B4C-8122-76BC-F63E-B85F3CB9C2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4C03AF2-D9FD-CF36-6A64-19C3AB1A727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5671FA-0B1D-F97B-467A-7DCEDBEFD4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26B81D1-92D4-D903-6FFD-32EF90BBE7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54FE4F7-E0B8-D86C-4441-3ED92A7F19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36836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D494A2-1016-93D3-BB30-A872225930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5AA869E-6BF4-A688-8A83-37A32244FA1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074045-FEB3-CCED-1608-082609FCF6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95BC7F-142A-79E2-84DB-627090726A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DFD156D-FAD0-3AC9-BC70-A7CC4E9877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54805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813297-BB44-29BE-0E4E-7D8990FF3E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2EF81C3-F426-B14A-7825-655F0ED6B77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AC804E7-5C39-4CD6-DD56-F6279579A7C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308D28-BE3F-5606-4614-11AC690E2F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BF33F71-D623-58A8-A55F-0DB92A4FCF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7B00991-5147-C0BA-BE8D-A14EA5EC27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794521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C3847C-8DA7-DABB-075D-38F18B3A32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DE0A041-2AA0-EBC3-D695-8FDBF2D24FC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A9A2B19-6467-C5D6-2B2B-E42D0C32F4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D65278F-7CF8-B1B5-AA92-F48E81D7D6D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BCB899C-EA5B-3BC7-BA44-ED47E7D1012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2A0BB8E-DBDA-244F-C01E-2BE0E7ED95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19B3966-5E98-EA19-E1BC-46A15FC0BD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8C570D2-2347-8147-B7FC-333640684D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326161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D9D717-3C19-BA75-A0F0-BB28DB04A2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64D9F7A-C0DC-F3D6-AD9E-FF283275F1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0DACBEA-85B2-F87D-8E94-105B8784E9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D7B45DA-3256-575B-3748-1AA3FA8B55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543705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E148DC7-EE93-43C8-8478-E744C07B4D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F8582AC-64F9-BBB1-5603-6FABD023F4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719E5C4-CCDB-D252-26AC-8929CC6EC7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92810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D823EA-6578-03C8-4EA1-BB12526859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AB6BD3-4937-D3B9-F9AC-9BAADCD7281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BC91581-7F38-4641-A919-4C9ED08783A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20C8800-1334-27E9-CD41-DA660F328F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6B36E2C-CACB-35E6-4CBD-4714918EF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95FB107-D6AF-E418-43AE-1410770415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8026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B68572-15EB-6D95-0112-D8D97676408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DE86808-0E9B-3DA5-2B10-80D6F178689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E39C390-F931-76D7-8B85-CF7E0E9C976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63519F0-8571-C33C-ECF0-E41F059624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D886784-71B9-2DAA-F232-45990F8BF9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173E085-ABC5-9093-12F6-EC7FF4B6B8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96832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CC14C5A-15EB-2CF9-C17E-C6B104C765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41F4BE7-777F-1CB7-89D2-1FDD39C73E1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EDB7C7C-EC32-58B8-B631-B1BDFA5FF61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2A67DE4-ABD5-4366-907B-50F177850E68}" type="datetimeFigureOut">
              <a:rPr lang="en-US" smtClean="0"/>
              <a:t>6/13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423731-24D6-F476-B1E3-F33E1B6AE9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D30BB0-7B57-4456-D1D3-615BCB38DAD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3198999-FB52-467B-B94F-7CC85A41DB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4334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slideLayout" Target="../slideLayouts/slideLayout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image" Target="../media/image4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90305">
            <a:alpha val="5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Tina Turner - Decals by vanmiklin | Community | Gran Turismo Sport">
            <a:extLst>
              <a:ext uri="{FF2B5EF4-FFF2-40B4-BE49-F238E27FC236}">
                <a16:creationId xmlns:a16="http://schemas.microsoft.com/office/drawing/2014/main" id="{98180F8A-0959-3E1F-2AFD-2729341466C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 flipH="1">
            <a:off x="78967" y="3892132"/>
            <a:ext cx="3526545" cy="29543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DD7CC4CE-D5EE-D3F4-9350-885D9E2EF6A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39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2303771D-2860-FA45-D507-D57D8C9DB31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17" name="OTLSHAPE_M_1021f6b4691545dc85d42a418e70fd73_Connector1">
            <a:extLst>
              <a:ext uri="{FF2B5EF4-FFF2-40B4-BE49-F238E27FC236}">
                <a16:creationId xmlns:a16="http://schemas.microsoft.com/office/drawing/2014/main" id="{6C9D43BD-96CB-B8F0-D57F-4A32AFEA012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56830" y="2670372"/>
            <a:ext cx="0" cy="968418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30" name="OTLSHAPE_M_9b460390fe6646f8a24715e29d1dc1d2_Connector1">
            <a:extLst>
              <a:ext uri="{FF2B5EF4-FFF2-40B4-BE49-F238E27FC236}">
                <a16:creationId xmlns:a16="http://schemas.microsoft.com/office/drawing/2014/main" id="{70FC3504-96FF-5BEB-6C14-1B49E2013EC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832652" y="3892790"/>
            <a:ext cx="0" cy="869688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31" name="OTLSHAPE_M_2d34b4bc89a8497181d4a17a4ce43921_Connector1">
            <a:extLst>
              <a:ext uri="{FF2B5EF4-FFF2-40B4-BE49-F238E27FC236}">
                <a16:creationId xmlns:a16="http://schemas.microsoft.com/office/drawing/2014/main" id="{1C52178D-A389-026F-DD3A-FA9AFCFDFC7D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274199" y="2713514"/>
            <a:ext cx="0" cy="92527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34" name="OTLSHAPE_M_8b3ddc09adba42ff93dd243c8bf72445_Connector1">
            <a:extLst>
              <a:ext uri="{FF2B5EF4-FFF2-40B4-BE49-F238E27FC236}">
                <a16:creationId xmlns:a16="http://schemas.microsoft.com/office/drawing/2014/main" id="{3C4BD595-1415-CFF5-38BD-4EA6DDB30FD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494973" y="3892790"/>
            <a:ext cx="0" cy="53592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35" name="OTLSHAPE_M_af10727eb930487fa48f6618f1a4df17_Connector1">
            <a:extLst>
              <a:ext uri="{FF2B5EF4-FFF2-40B4-BE49-F238E27FC236}">
                <a16:creationId xmlns:a16="http://schemas.microsoft.com/office/drawing/2014/main" id="{56096D2D-DE9E-022B-FE20-A0245E9E77D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936521" y="1980486"/>
            <a:ext cx="0" cy="71293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0" name="OTLSHAPE_M_872246282f5c4ab3b04436e66a7523ee_Connector1">
            <a:extLst>
              <a:ext uri="{FF2B5EF4-FFF2-40B4-BE49-F238E27FC236}">
                <a16:creationId xmlns:a16="http://schemas.microsoft.com/office/drawing/2014/main" id="{9E39E004-4A86-8F18-AFFF-E790AC3E75F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157596" y="3892790"/>
            <a:ext cx="0" cy="53592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1" name="OTLSHAPE_M_872246282f5c4ab3b04436e66a7523ee_Connector2">
            <a:extLst>
              <a:ext uri="{FF2B5EF4-FFF2-40B4-BE49-F238E27FC236}">
                <a16:creationId xmlns:a16="http://schemas.microsoft.com/office/drawing/2014/main" id="{81A18F22-1177-965D-8E3C-E0A060F8931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157596" y="4794476"/>
            <a:ext cx="0" cy="447491"/>
          </a:xfrm>
          <a:prstGeom prst="line">
            <a:avLst/>
          </a:prstGeom>
          <a:ln w="19050"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44" name="OTLSHAPE_M_7d74c39eeea84d3f9e0a30ee705f62dc_Connector1">
            <a:extLst>
              <a:ext uri="{FF2B5EF4-FFF2-40B4-BE49-F238E27FC236}">
                <a16:creationId xmlns:a16="http://schemas.microsoft.com/office/drawing/2014/main" id="{712C5E05-904A-8028-4E13-98A8C85D72C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268738" y="1356327"/>
            <a:ext cx="0" cy="604068"/>
          </a:xfrm>
          <a:prstGeom prst="line">
            <a:avLst/>
          </a:prstGeom>
          <a:ln w="19050"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47" name="OTLSHAPE_M_749e95f3a434452fb05a6fbe0de47b1f_Connector1">
            <a:extLst>
              <a:ext uri="{FF2B5EF4-FFF2-40B4-BE49-F238E27FC236}">
                <a16:creationId xmlns:a16="http://schemas.microsoft.com/office/drawing/2014/main" id="{FDE9C4BE-23B9-AB21-D6E9-DD333E0B652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930758" y="3892790"/>
            <a:ext cx="0" cy="81153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2" name="OTLSHAPE_M_30309e865ae144e99c62b7e3d7f05b07_Connector1">
            <a:extLst>
              <a:ext uri="{FF2B5EF4-FFF2-40B4-BE49-F238E27FC236}">
                <a16:creationId xmlns:a16="http://schemas.microsoft.com/office/drawing/2014/main" id="{8BE3BDA4-BBD4-F84D-6A76-52582AB7016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042202" y="889899"/>
            <a:ext cx="0" cy="446336"/>
          </a:xfrm>
          <a:prstGeom prst="line">
            <a:avLst/>
          </a:prstGeom>
          <a:ln w="19050"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54" name="OTLSHAPE_M_37b284194aba4ed6bc095088da4fa4fe_Connector1">
            <a:extLst>
              <a:ext uri="{FF2B5EF4-FFF2-40B4-BE49-F238E27FC236}">
                <a16:creationId xmlns:a16="http://schemas.microsoft.com/office/drawing/2014/main" id="{39532EAC-7283-47CF-E1FB-19FE166598D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924994" y="3892790"/>
            <a:ext cx="0" cy="477774"/>
          </a:xfrm>
          <a:prstGeom prst="line">
            <a:avLst/>
          </a:prstGeom>
          <a:ln w="19050"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55" name="OTLSHAPE_M_37b284194aba4ed6bc095088da4fa4fe_Connector2">
            <a:extLst>
              <a:ext uri="{FF2B5EF4-FFF2-40B4-BE49-F238E27FC236}">
                <a16:creationId xmlns:a16="http://schemas.microsoft.com/office/drawing/2014/main" id="{514F5CFE-D008-9E1F-DF7C-193B88DD1D53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924994" y="4736324"/>
            <a:ext cx="0" cy="807427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7" name="OTLSHAPE_M_8a065f2be4344e39b1e447fb9b7a8478_Connector1">
            <a:extLst>
              <a:ext uri="{FF2B5EF4-FFF2-40B4-BE49-F238E27FC236}">
                <a16:creationId xmlns:a16="http://schemas.microsoft.com/office/drawing/2014/main" id="{8A738309-9987-3F95-8878-00CA931DD101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035532" y="2789075"/>
            <a:ext cx="0" cy="849715"/>
          </a:xfrm>
          <a:prstGeom prst="line">
            <a:avLst/>
          </a:prstGeom>
          <a:ln w="19050"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58" name="OTLSHAPE_M_0f78b6ee4dab4c62b527c2ea45a94126_Connector1">
            <a:extLst>
              <a:ext uri="{FF2B5EF4-FFF2-40B4-BE49-F238E27FC236}">
                <a16:creationId xmlns:a16="http://schemas.microsoft.com/office/drawing/2014/main" id="{801CDE66-9795-0738-7C0A-58A905357D3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697552" y="3892789"/>
            <a:ext cx="0" cy="131720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0" name="OTLSHAPE_M_f462dc9aa2e345eab772997d8a9b701c_Connector1">
            <a:extLst>
              <a:ext uri="{FF2B5EF4-FFF2-40B4-BE49-F238E27FC236}">
                <a16:creationId xmlns:a16="http://schemas.microsoft.com/office/drawing/2014/main" id="{3E7C4ABD-58EF-1DDE-20C0-A141718820D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918627" y="1780896"/>
            <a:ext cx="0" cy="988088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2" name="OTLSHAPE_M_a209ceb1606b43fa837506b5f73c4cf6_Connector1">
            <a:extLst>
              <a:ext uri="{FF2B5EF4-FFF2-40B4-BE49-F238E27FC236}">
                <a16:creationId xmlns:a16="http://schemas.microsoft.com/office/drawing/2014/main" id="{28A17781-C0C4-3F86-ED29-2570188D091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242665" y="909552"/>
            <a:ext cx="0" cy="851252"/>
          </a:xfrm>
          <a:prstGeom prst="line">
            <a:avLst/>
          </a:prstGeom>
          <a:ln w="19050"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67" name="OTLSHAPE_M_4d6c6cc1bc074c9db9efc1f86ed40136_Connector1">
            <a:extLst>
              <a:ext uri="{FF2B5EF4-FFF2-40B4-BE49-F238E27FC236}">
                <a16:creationId xmlns:a16="http://schemas.microsoft.com/office/drawing/2014/main" id="{B7707CE5-7B2C-F29D-4247-667F2781CE01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573977" y="3892790"/>
            <a:ext cx="0" cy="1277424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0" name="OTLSHAPE_M_62552f96184b4a649d965d5efdc06f0b_Connector1">
            <a:extLst>
              <a:ext uri="{FF2B5EF4-FFF2-40B4-BE49-F238E27FC236}">
                <a16:creationId xmlns:a16="http://schemas.microsoft.com/office/drawing/2014/main" id="{7C06F85F-7BAE-A299-C350-C7BEF7341B9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684515" y="2960786"/>
            <a:ext cx="0" cy="678004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1" name="OTLSHAPE_M_0622782fd7f848d2a98b62bb4b43afb2_Connector1">
            <a:extLst>
              <a:ext uri="{FF2B5EF4-FFF2-40B4-BE49-F238E27FC236}">
                <a16:creationId xmlns:a16="http://schemas.microsoft.com/office/drawing/2014/main" id="{D19FF2E8-9BE2-452C-0329-3AA72138D3F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126062" y="3892790"/>
            <a:ext cx="0" cy="943662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6" name="OTLSHAPE_M_96af20944e7b4581861b26f657c9427c_Connector1">
            <a:extLst>
              <a:ext uri="{FF2B5EF4-FFF2-40B4-BE49-F238E27FC236}">
                <a16:creationId xmlns:a16="http://schemas.microsoft.com/office/drawing/2014/main" id="{33D42F45-3A5F-139A-91AF-5D45BC92C1F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677846" y="2344218"/>
            <a:ext cx="0" cy="59647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78" name="OTLSHAPE_M_ca94204188884fab9486c34eeb4712e5_Connector1">
            <a:extLst>
              <a:ext uri="{FF2B5EF4-FFF2-40B4-BE49-F238E27FC236}">
                <a16:creationId xmlns:a16="http://schemas.microsoft.com/office/drawing/2014/main" id="{BD2B7802-1970-BE20-4CED-D32CDD0371E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009157" y="3892789"/>
            <a:ext cx="0" cy="81153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80" name="OTLSHAPE_M_9ba65000eada4488b1b5218c16f17efc_Connector1">
            <a:extLst>
              <a:ext uri="{FF2B5EF4-FFF2-40B4-BE49-F238E27FC236}">
                <a16:creationId xmlns:a16="http://schemas.microsoft.com/office/drawing/2014/main" id="{32551DDA-BF2C-04C8-93D2-B822AF97180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166810" y="1437975"/>
            <a:ext cx="0" cy="886153"/>
          </a:xfrm>
          <a:prstGeom prst="line">
            <a:avLst/>
          </a:prstGeom>
          <a:ln w="19050"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26" name="OTLSHAPE_M_a209ceb1606b43fa837506b5f73c4cf6_Connector2">
            <a:extLst>
              <a:ext uri="{FF2B5EF4-FFF2-40B4-BE49-F238E27FC236}">
                <a16:creationId xmlns:a16="http://schemas.microsoft.com/office/drawing/2014/main" id="{79E6353D-F26D-4BB7-D95C-BB22393BBD8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242665" y="2126564"/>
            <a:ext cx="0" cy="151222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29" name="OTLSHAPE_M_7d74c39eeea84d3f9e0a30ee705f62dc_Connector2">
            <a:extLst>
              <a:ext uri="{FF2B5EF4-FFF2-40B4-BE49-F238E27FC236}">
                <a16:creationId xmlns:a16="http://schemas.microsoft.com/office/drawing/2014/main" id="{A1AA7499-7408-9F56-31E0-D3C99DDD60A7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268738" y="2326155"/>
            <a:ext cx="0" cy="2540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37" name="OTLSHAPE_M_7d74c39eeea84d3f9e0a30ee705f62dc_Connector3">
            <a:extLst>
              <a:ext uri="{FF2B5EF4-FFF2-40B4-BE49-F238E27FC236}">
                <a16:creationId xmlns:a16="http://schemas.microsoft.com/office/drawing/2014/main" id="{FA4F0E68-AE1E-A8EE-EFC5-388E75F57D7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268738" y="2588028"/>
            <a:ext cx="0" cy="105394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7d74c39eeea84d3f9e0a30ee705f62dc_Connector4">
            <a:extLst>
              <a:ext uri="{FF2B5EF4-FFF2-40B4-BE49-F238E27FC236}">
                <a16:creationId xmlns:a16="http://schemas.microsoft.com/office/drawing/2014/main" id="{A471AB74-4B47-DCF9-7D9D-53A95FF94F57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4268738" y="3059182"/>
            <a:ext cx="0" cy="579608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30309e865ae144e99c62b7e3d7f05b07_Connector2">
            <a:extLst>
              <a:ext uri="{FF2B5EF4-FFF2-40B4-BE49-F238E27FC236}">
                <a16:creationId xmlns:a16="http://schemas.microsoft.com/office/drawing/2014/main" id="{15E28A5F-42EF-90F1-2A0A-730C6DA85FE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5042202" y="1519115"/>
            <a:ext cx="0" cy="441279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1" name="OTLSHAPE_M_30309e865ae144e99c62b7e3d7f05b07_Connector3">
            <a:extLst>
              <a:ext uri="{FF2B5EF4-FFF2-40B4-BE49-F238E27FC236}">
                <a16:creationId xmlns:a16="http://schemas.microsoft.com/office/drawing/2014/main" id="{2644F746-EA76-72A8-B5DC-DE16FA78E85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042202" y="2326155"/>
            <a:ext cx="0" cy="367268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9ba65000eada4488b1b5218c16f17efc_Connector2">
            <a:extLst>
              <a:ext uri="{FF2B5EF4-FFF2-40B4-BE49-F238E27FC236}">
                <a16:creationId xmlns:a16="http://schemas.microsoft.com/office/drawing/2014/main" id="{9BEB7AD6-8EAA-0870-C5CB-7ECA23F43C02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0166810" y="2507007"/>
            <a:ext cx="0" cy="433687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3" name="OTLSHAPE_M_9ba65000eada4488b1b5218c16f17efc_Connector3">
            <a:extLst>
              <a:ext uri="{FF2B5EF4-FFF2-40B4-BE49-F238E27FC236}">
                <a16:creationId xmlns:a16="http://schemas.microsoft.com/office/drawing/2014/main" id="{436E8C64-2373-DB5C-7526-14949C394D20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0166810" y="3123574"/>
            <a:ext cx="0" cy="515216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af10727eb930487fa48f6618f1a4df17_Connector2">
            <a:extLst>
              <a:ext uri="{FF2B5EF4-FFF2-40B4-BE49-F238E27FC236}">
                <a16:creationId xmlns:a16="http://schemas.microsoft.com/office/drawing/2014/main" id="{9F186921-6C89-AC61-6E2C-405990A6BFD0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936521" y="3059182"/>
            <a:ext cx="0" cy="579607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f462dc9aa2e345eab772997d8a9b701c_Connector2">
            <a:extLst>
              <a:ext uri="{FF2B5EF4-FFF2-40B4-BE49-F238E27FC236}">
                <a16:creationId xmlns:a16="http://schemas.microsoft.com/office/drawing/2014/main" id="{A1FAA0F5-D99A-114F-6C38-30F15A43EAA1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918627" y="3134743"/>
            <a:ext cx="0" cy="504047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8b3ddc09adba42ff93dd243c8bf72445_Connector2">
            <a:extLst>
              <a:ext uri="{FF2B5EF4-FFF2-40B4-BE49-F238E27FC236}">
                <a16:creationId xmlns:a16="http://schemas.microsoft.com/office/drawing/2014/main" id="{A2BB15E2-39F2-2C6E-243C-104636765D46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3494973" y="4794476"/>
            <a:ext cx="0" cy="781253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0f78b6ee4dab4c62b527c2ea45a94126_Connector2">
            <a:extLst>
              <a:ext uri="{FF2B5EF4-FFF2-40B4-BE49-F238E27FC236}">
                <a16:creationId xmlns:a16="http://schemas.microsoft.com/office/drawing/2014/main" id="{48C542DD-4B5B-C355-4688-3157E03F36DF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697552" y="5575750"/>
            <a:ext cx="0" cy="802163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0622782fd7f848d2a98b62bb4b43afb2_Connector2">
            <a:extLst>
              <a:ext uri="{FF2B5EF4-FFF2-40B4-BE49-F238E27FC236}">
                <a16:creationId xmlns:a16="http://schemas.microsoft.com/office/drawing/2014/main" id="{F03C72EE-D753-0C8D-3A7F-0B47BB5AD22D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126062" y="5202211"/>
            <a:ext cx="0" cy="669922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96af20944e7b4581861b26f657c9427c_Connector2">
            <a:extLst>
              <a:ext uri="{FF2B5EF4-FFF2-40B4-BE49-F238E27FC236}">
                <a16:creationId xmlns:a16="http://schemas.microsoft.com/office/drawing/2014/main" id="{F41FAC24-15B7-C196-529E-7D1F2ED05D6B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677846" y="3123574"/>
            <a:ext cx="0" cy="515216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872246282f5c4ab3b04436e66a7523ee_Connector3">
            <a:extLst>
              <a:ext uri="{FF2B5EF4-FFF2-40B4-BE49-F238E27FC236}">
                <a16:creationId xmlns:a16="http://schemas.microsoft.com/office/drawing/2014/main" id="{A639F94B-9AB2-C7B7-F7DC-826823A0E39C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4157596" y="5607726"/>
            <a:ext cx="0" cy="788814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30309e865ae144e99c62b7e3d7f05b07_Connector4">
            <a:extLst>
              <a:ext uri="{FF2B5EF4-FFF2-40B4-BE49-F238E27FC236}">
                <a16:creationId xmlns:a16="http://schemas.microsoft.com/office/drawing/2014/main" id="{3C6A451F-39FD-130D-B3A6-4760BDBBE37F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5042202" y="3059182"/>
            <a:ext cx="0" cy="579608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881E2F8-CC2A-632B-597B-5AE873F1CFC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44465" y="3638790"/>
            <a:ext cx="9715500" cy="254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322B4DF6-CB2C-4EA7-8C33-839A1F88FB1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44465" y="363879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40CB9E5-052B-A9EF-BD41-3071D05C788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123721" y="389279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8EBDC7F-73EB-31A2-7DB7-EF41485E1DA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07965" y="3630662"/>
            <a:ext cx="408382" cy="2702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u="none" strike="noStrike" kern="1200" cap="none" spc="-4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39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B33FEDA9-9BF6-F560-B9C8-9D2EC7B0431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790456" y="3630662"/>
            <a:ext cx="409984" cy="2702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u="none" strike="noStrike" kern="1200" cap="none" spc="-4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47</a:t>
            </a:r>
          </a:p>
        </p:txBody>
      </p:sp>
      <p:sp>
        <p:nvSpPr>
          <p:cNvPr id="21" name="OTLSHAPE_TB_00000000000000000000000000000000_TimescaleInterval3">
            <a:extLst>
              <a:ext uri="{FF2B5EF4-FFF2-40B4-BE49-F238E27FC236}">
                <a16:creationId xmlns:a16="http://schemas.microsoft.com/office/drawing/2014/main" id="{D7F2148B-153C-E197-9002-679CD610AAF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672947" y="3630662"/>
            <a:ext cx="408382" cy="2702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u="none" strike="noStrike" kern="1200" cap="none" spc="-4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55</a:t>
            </a:r>
          </a:p>
        </p:txBody>
      </p:sp>
      <p:sp>
        <p:nvSpPr>
          <p:cNvPr id="22" name="OTLSHAPE_TB_00000000000000000000000000000000_TimescaleInterval4">
            <a:extLst>
              <a:ext uri="{FF2B5EF4-FFF2-40B4-BE49-F238E27FC236}">
                <a16:creationId xmlns:a16="http://schemas.microsoft.com/office/drawing/2014/main" id="{B3F1F488-609D-3F3B-8562-CD53EE60B6E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555438" y="3630662"/>
            <a:ext cx="408382" cy="2702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u="none" strike="noStrike" kern="1200" cap="none" spc="-4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63</a:t>
            </a:r>
          </a:p>
        </p:txBody>
      </p:sp>
      <p:sp>
        <p:nvSpPr>
          <p:cNvPr id="23" name="OTLSHAPE_TB_00000000000000000000000000000000_TimescaleInterval5">
            <a:extLst>
              <a:ext uri="{FF2B5EF4-FFF2-40B4-BE49-F238E27FC236}">
                <a16:creationId xmlns:a16="http://schemas.microsoft.com/office/drawing/2014/main" id="{425F650B-E7A5-FA82-5823-AB732DED769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437929" y="3630662"/>
            <a:ext cx="375744" cy="2702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u="none" strike="noStrike" kern="1200" cap="none" spc="-4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71</a:t>
            </a:r>
          </a:p>
        </p:txBody>
      </p:sp>
      <p:sp>
        <p:nvSpPr>
          <p:cNvPr id="24" name="OTLSHAPE_TB_00000000000000000000000000000000_TimescaleInterval6">
            <a:extLst>
              <a:ext uri="{FF2B5EF4-FFF2-40B4-BE49-F238E27FC236}">
                <a16:creationId xmlns:a16="http://schemas.microsoft.com/office/drawing/2014/main" id="{48C58615-3FFF-98FE-965F-2655F58D5C3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320420" y="3630662"/>
            <a:ext cx="405176" cy="2702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u="none" strike="noStrike" kern="1200" cap="none" spc="-4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79</a:t>
            </a:r>
          </a:p>
        </p:txBody>
      </p:sp>
      <p:sp>
        <p:nvSpPr>
          <p:cNvPr id="25" name="OTLSHAPE_TB_00000000000000000000000000000000_TimescaleInterval7">
            <a:extLst>
              <a:ext uri="{FF2B5EF4-FFF2-40B4-BE49-F238E27FC236}">
                <a16:creationId xmlns:a16="http://schemas.microsoft.com/office/drawing/2014/main" id="{B5476963-5707-17A7-EFF3-B09CABA03FC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202911" y="3630662"/>
            <a:ext cx="405176" cy="2702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u="none" strike="noStrike" kern="1200" cap="none" spc="-4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87</a:t>
            </a:r>
          </a:p>
        </p:txBody>
      </p:sp>
      <p:sp>
        <p:nvSpPr>
          <p:cNvPr id="10" name="OTLSHAPE_TB_00000000000000000000000000000000_TimescaleInterval8">
            <a:extLst>
              <a:ext uri="{FF2B5EF4-FFF2-40B4-BE49-F238E27FC236}">
                <a16:creationId xmlns:a16="http://schemas.microsoft.com/office/drawing/2014/main" id="{1CF77F42-7607-D183-B569-D9DBB09A34B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085402" y="3630662"/>
            <a:ext cx="408382" cy="2702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u="none" strike="noStrike" kern="1200" cap="none" spc="-4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95</a:t>
            </a:r>
          </a:p>
        </p:txBody>
      </p:sp>
      <p:sp>
        <p:nvSpPr>
          <p:cNvPr id="13" name="OTLSHAPE_TB_00000000000000000000000000000000_TimescaleInterval9">
            <a:extLst>
              <a:ext uri="{FF2B5EF4-FFF2-40B4-BE49-F238E27FC236}">
                <a16:creationId xmlns:a16="http://schemas.microsoft.com/office/drawing/2014/main" id="{3F6EED6B-0618-185B-23B9-B18D3AB2960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967892" y="3630662"/>
            <a:ext cx="436786" cy="2702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u="none" strike="noStrike" kern="1200" cap="none" spc="-4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03</a:t>
            </a:r>
          </a:p>
        </p:txBody>
      </p:sp>
      <p:sp>
        <p:nvSpPr>
          <p:cNvPr id="32" name="OTLSHAPE_TB_00000000000000000000000000000000_TimescaleInterval10">
            <a:extLst>
              <a:ext uri="{FF2B5EF4-FFF2-40B4-BE49-F238E27FC236}">
                <a16:creationId xmlns:a16="http://schemas.microsoft.com/office/drawing/2014/main" id="{E4A6A844-C88E-C689-56C9-6ABAB6951E4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850383" y="3630662"/>
            <a:ext cx="378950" cy="2702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u="none" strike="noStrike" kern="1200" cap="none" spc="-4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11</a:t>
            </a:r>
          </a:p>
        </p:txBody>
      </p:sp>
      <p:sp>
        <p:nvSpPr>
          <p:cNvPr id="33" name="OTLSHAPE_TB_00000000000000000000000000000000_TimescaleInterval11">
            <a:extLst>
              <a:ext uri="{FF2B5EF4-FFF2-40B4-BE49-F238E27FC236}">
                <a16:creationId xmlns:a16="http://schemas.microsoft.com/office/drawing/2014/main" id="{B5DDF3CD-BFED-F312-D2FA-CBF714AB284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732874" y="3630662"/>
            <a:ext cx="408382" cy="2702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u="none" strike="noStrike" kern="1200" cap="none" spc="-4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E139762D-2D63-E91F-401D-758A088F5C4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" name="OTLSHAPE_M_1021f6b4691545dc85d42a418e70fd73_Shape" hidden="1">
            <a:extLst>
              <a:ext uri="{FF2B5EF4-FFF2-40B4-BE49-F238E27FC236}">
                <a16:creationId xmlns:a16="http://schemas.microsoft.com/office/drawing/2014/main" id="{EB1FCFFC-E068-3E6E-DAD9-BA3D954A5F4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969530" y="2989497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M_2d34b4bc89a8497181d4a17a4ce43921_Shape" hidden="1">
            <a:extLst>
              <a:ext uri="{FF2B5EF4-FFF2-40B4-BE49-F238E27FC236}">
                <a16:creationId xmlns:a16="http://schemas.microsoft.com/office/drawing/2014/main" id="{EAAC840E-2080-DDFF-E6CE-89D3CF60EE0E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286899" y="3032639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af10727eb930487fa48f6618f1a4df17_Shape" hidden="1">
            <a:extLst>
              <a:ext uri="{FF2B5EF4-FFF2-40B4-BE49-F238E27FC236}">
                <a16:creationId xmlns:a16="http://schemas.microsoft.com/office/drawing/2014/main" id="{A3B94BE8-4CFB-59EF-F6C0-8D4618A7773A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949221" y="2299612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M_7d74c39eeea84d3f9e0a30ee705f62dc_Shape" hidden="1">
            <a:extLst>
              <a:ext uri="{FF2B5EF4-FFF2-40B4-BE49-F238E27FC236}">
                <a16:creationId xmlns:a16="http://schemas.microsoft.com/office/drawing/2014/main" id="{188F4450-CA17-977C-DE6F-CC6EE4855CE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281438" y="1584012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M_30309e865ae144e99c62b7e3d7f05b07_Shape" hidden="1">
            <a:extLst>
              <a:ext uri="{FF2B5EF4-FFF2-40B4-BE49-F238E27FC236}">
                <a16:creationId xmlns:a16="http://schemas.microsoft.com/office/drawing/2014/main" id="{A99E31A1-F251-5EAF-C9F1-990BBB7EE38B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054902" y="1117584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M_8a065f2be4344e39b1e447fb9b7a8478_Shape" hidden="1">
            <a:extLst>
              <a:ext uri="{FF2B5EF4-FFF2-40B4-BE49-F238E27FC236}">
                <a16:creationId xmlns:a16="http://schemas.microsoft.com/office/drawing/2014/main" id="{7137313F-7FE6-C12F-6E82-9E8365BF11D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048232" y="3108200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M_f462dc9aa2e345eab772997d8a9b701c_Shape" hidden="1">
            <a:extLst>
              <a:ext uri="{FF2B5EF4-FFF2-40B4-BE49-F238E27FC236}">
                <a16:creationId xmlns:a16="http://schemas.microsoft.com/office/drawing/2014/main" id="{1527975B-3936-A542-DE49-2BFF66082DB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931327" y="2100021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M_a209ceb1606b43fa837506b5f73c4cf6_Shape" hidden="1">
            <a:extLst>
              <a:ext uri="{FF2B5EF4-FFF2-40B4-BE49-F238E27FC236}">
                <a16:creationId xmlns:a16="http://schemas.microsoft.com/office/drawing/2014/main" id="{025F6CC9-EFD1-10A3-C047-6EAE4AECCF0A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8255365" y="1228677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62552f96184b4a649d965d5efdc06f0b_Shape" hidden="1">
            <a:extLst>
              <a:ext uri="{FF2B5EF4-FFF2-40B4-BE49-F238E27FC236}">
                <a16:creationId xmlns:a16="http://schemas.microsoft.com/office/drawing/2014/main" id="{19219E23-04D8-8D8A-FCEA-85B5EB701724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697215" y="3188471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M_96af20944e7b4581861b26f657c9427c_Shape" hidden="1">
            <a:extLst>
              <a:ext uri="{FF2B5EF4-FFF2-40B4-BE49-F238E27FC236}">
                <a16:creationId xmlns:a16="http://schemas.microsoft.com/office/drawing/2014/main" id="{8C2866A0-B470-5E23-4F35-EECF45904C1F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9690546" y="2571904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M_9ba65000eada4488b1b5218c16f17efc_Shape" hidden="1">
            <a:extLst>
              <a:ext uri="{FF2B5EF4-FFF2-40B4-BE49-F238E27FC236}">
                <a16:creationId xmlns:a16="http://schemas.microsoft.com/office/drawing/2014/main" id="{D8E53728-10B6-5E5D-F883-622954CD17D3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0179510" y="1757099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M_9b460390fe6646f8a24715e29d1dc1d2_Shape" hidden="1">
            <a:extLst>
              <a:ext uri="{FF2B5EF4-FFF2-40B4-BE49-F238E27FC236}">
                <a16:creationId xmlns:a16="http://schemas.microsoft.com/office/drawing/2014/main" id="{7109BF01-383C-5862-5F3A-6AE110E7DC7E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2845352" y="4455259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M_8b3ddc09adba42ff93dd243c8bf72445_Shape" hidden="1">
            <a:extLst>
              <a:ext uri="{FF2B5EF4-FFF2-40B4-BE49-F238E27FC236}">
                <a16:creationId xmlns:a16="http://schemas.microsoft.com/office/drawing/2014/main" id="{4FE53E18-FA13-9CE6-73A9-3BFDF093981B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507673" y="5268510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M_872246282f5c4ab3b04436e66a7523ee_Shape" hidden="1">
            <a:extLst>
              <a:ext uri="{FF2B5EF4-FFF2-40B4-BE49-F238E27FC236}">
                <a16:creationId xmlns:a16="http://schemas.microsoft.com/office/drawing/2014/main" id="{C56C055C-5940-DF17-FBF2-7C55F1C9945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170296" y="6089322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M_749e95f3a434452fb05a6fbe0de47b1f_Shape" hidden="1">
            <a:extLst>
              <a:ext uri="{FF2B5EF4-FFF2-40B4-BE49-F238E27FC236}">
                <a16:creationId xmlns:a16="http://schemas.microsoft.com/office/drawing/2014/main" id="{36310116-3977-E940-2B3B-DFD3FB2202C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943458" y="4397107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M_37b284194aba4ed6bc095088da4fa4fe_Shape" hidden="1">
            <a:extLst>
              <a:ext uri="{FF2B5EF4-FFF2-40B4-BE49-F238E27FC236}">
                <a16:creationId xmlns:a16="http://schemas.microsoft.com/office/drawing/2014/main" id="{B48DA2B9-60ED-498B-1961-47A1BB3ADC86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937694" y="5236532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M_0f78b6ee4dab4c62b527c2ea45a94126_Shape" hidden="1">
            <a:extLst>
              <a:ext uri="{FF2B5EF4-FFF2-40B4-BE49-F238E27FC236}">
                <a16:creationId xmlns:a16="http://schemas.microsoft.com/office/drawing/2014/main" id="{0C5C8E3F-9449-226A-6FD3-82971DA1DD3C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710252" y="6070694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M_4d6c6cc1bc074c9db9efc1f86ed40136_Shape" hidden="1">
            <a:extLst>
              <a:ext uri="{FF2B5EF4-FFF2-40B4-BE49-F238E27FC236}">
                <a16:creationId xmlns:a16="http://schemas.microsoft.com/office/drawing/2014/main" id="{723625EE-8EDC-CDA0-6111-AD7CB1AE1F6E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8586677" y="4862995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M_0622782fd7f848d2a98b62bb4b43afb2_Shape" hidden="1">
            <a:extLst>
              <a:ext uri="{FF2B5EF4-FFF2-40B4-BE49-F238E27FC236}">
                <a16:creationId xmlns:a16="http://schemas.microsoft.com/office/drawing/2014/main" id="{FCEB3349-686D-5A44-E98E-0485EB787ADB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9138762" y="5656355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ca94204188884fab9486c34eeb4712e5_Shape" hidden="1">
            <a:extLst>
              <a:ext uri="{FF2B5EF4-FFF2-40B4-BE49-F238E27FC236}">
                <a16:creationId xmlns:a16="http://schemas.microsoft.com/office/drawing/2014/main" id="{9BEAF7DD-42B7-0CC8-97FE-28BCBA503673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0021857" y="4397107"/>
            <a:ext cx="0" cy="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M_1021f6b4691545dc85d42a418e70fd73_Title">
            <a:extLst>
              <a:ext uri="{FF2B5EF4-FFF2-40B4-BE49-F238E27FC236}">
                <a16:creationId xmlns:a16="http://schemas.microsoft.com/office/drawing/2014/main" id="{14D289B1-BC29-8A3D-2FFF-9F61CA42A9B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94930" y="2650280"/>
            <a:ext cx="17526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Born Anna-Mae Bullock in </a:t>
            </a:r>
            <a:r>
              <a:rPr kumimoji="0" lang="en-US" sz="1200" b="1" strike="noStrike" kern="1200" cap="none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Nutbrush</a:t>
            </a:r>
            <a:r>
              <a:rPr lang="en-US" sz="1200" b="1" dirty="0">
                <a:solidFill>
                  <a:schemeClr val="lt1"/>
                </a:solidFill>
                <a:latin typeface="Raleway SemiBold" pitchFamily="2" charset="0"/>
              </a:rPr>
              <a:t>, </a:t>
            </a:r>
            <a:r>
              <a:rPr kumimoji="0" lang="en-US" sz="1200" b="1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Tennessee</a:t>
            </a:r>
          </a:p>
        </p:txBody>
      </p:sp>
      <p:sp>
        <p:nvSpPr>
          <p:cNvPr id="19" name="OTLSHAPE_M_1021f6b4691545dc85d42a418e70fd73_Date">
            <a:extLst>
              <a:ext uri="{FF2B5EF4-FFF2-40B4-BE49-F238E27FC236}">
                <a16:creationId xmlns:a16="http://schemas.microsoft.com/office/drawing/2014/main" id="{E812FA37-B77A-00DE-C520-82EACECDEE0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94930" y="3041440"/>
            <a:ext cx="15494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November 26, 1939</a:t>
            </a:r>
          </a:p>
        </p:txBody>
      </p:sp>
      <p:sp>
        <p:nvSpPr>
          <p:cNvPr id="82" name="OTLSHAPE_M_9b460390fe6646f8a24715e29d1dc1d2_Title">
            <a:extLst>
              <a:ext uri="{FF2B5EF4-FFF2-40B4-BE49-F238E27FC236}">
                <a16:creationId xmlns:a16="http://schemas.microsoft.com/office/drawing/2014/main" id="{D566A023-5E89-FA68-D422-C533E327991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870752" y="4428716"/>
            <a:ext cx="13970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Moves to St. Louis, meets Ike Turner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83" name="OTLSHAPE_M_9b460390fe6646f8a24715e29d1dc1d2_Date">
            <a:extLst>
              <a:ext uri="{FF2B5EF4-FFF2-40B4-BE49-F238E27FC236}">
                <a16:creationId xmlns:a16="http://schemas.microsoft.com/office/drawing/2014/main" id="{2F653AC8-11AA-F729-0122-510E8958F59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870752" y="4166841"/>
            <a:ext cx="3810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56</a:t>
            </a:r>
          </a:p>
        </p:txBody>
      </p:sp>
      <p:sp>
        <p:nvSpPr>
          <p:cNvPr id="85" name="OTLSHAPE_M_2d34b4bc89a8497181d4a17a4ce43921_Title">
            <a:extLst>
              <a:ext uri="{FF2B5EF4-FFF2-40B4-BE49-F238E27FC236}">
                <a16:creationId xmlns:a16="http://schemas.microsoft.com/office/drawing/2014/main" id="{E77EFFBE-8A46-49C9-648C-F385D3AEC53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312299" y="2693422"/>
            <a:ext cx="24765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Takes the stage name Tina Turner, start of Ike &amp; Tina Turner Revue</a:t>
            </a:r>
            <a:endParaRPr kumimoji="0" lang="en-US" sz="1200" b="1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86" name="OTLSHAPE_M_2d34b4bc89a8497181d4a17a4ce43921_Date">
            <a:extLst>
              <a:ext uri="{FF2B5EF4-FFF2-40B4-BE49-F238E27FC236}">
                <a16:creationId xmlns:a16="http://schemas.microsoft.com/office/drawing/2014/main" id="{0F72A713-A186-33D3-0F7F-03197C9EA93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312299" y="3084582"/>
            <a:ext cx="3810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60</a:t>
            </a:r>
          </a:p>
        </p:txBody>
      </p:sp>
      <p:sp>
        <p:nvSpPr>
          <p:cNvPr id="88" name="OTLSHAPE_M_8b3ddc09adba42ff93dd243c8bf72445_Title">
            <a:extLst>
              <a:ext uri="{FF2B5EF4-FFF2-40B4-BE49-F238E27FC236}">
                <a16:creationId xmlns:a16="http://schemas.microsoft.com/office/drawing/2014/main" id="{9D621751-AA62-1088-7ECD-8A89C8F9FE0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533073" y="5241967"/>
            <a:ext cx="13589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Marries Ike Turner in Tijuana, Mexico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89" name="OTLSHAPE_M_8b3ddc09adba42ff93dd243c8bf72445_Date">
            <a:extLst>
              <a:ext uri="{FF2B5EF4-FFF2-40B4-BE49-F238E27FC236}">
                <a16:creationId xmlns:a16="http://schemas.microsoft.com/office/drawing/2014/main" id="{C0E1C468-C75C-8266-18C8-38A57D109C6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533073" y="4980093"/>
            <a:ext cx="3810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62</a:t>
            </a:r>
          </a:p>
        </p:txBody>
      </p:sp>
      <p:sp>
        <p:nvSpPr>
          <p:cNvPr id="91" name="OTLSHAPE_M_af10727eb930487fa48f6618f1a4df17_Title">
            <a:extLst>
              <a:ext uri="{FF2B5EF4-FFF2-40B4-BE49-F238E27FC236}">
                <a16:creationId xmlns:a16="http://schemas.microsoft.com/office/drawing/2014/main" id="{3BE1EBB3-6BB7-BCB1-D9A3-E0A237A836E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974621" y="1960394"/>
            <a:ext cx="18542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Ike &amp; Tina open for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Rolling Stones on UK tour </a:t>
            </a:r>
          </a:p>
        </p:txBody>
      </p:sp>
      <p:sp>
        <p:nvSpPr>
          <p:cNvPr id="92" name="OTLSHAPE_M_af10727eb930487fa48f6618f1a4df17_Date">
            <a:extLst>
              <a:ext uri="{FF2B5EF4-FFF2-40B4-BE49-F238E27FC236}">
                <a16:creationId xmlns:a16="http://schemas.microsoft.com/office/drawing/2014/main" id="{7055FC2A-B96A-A425-93F7-ED9BF56048C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974621" y="2351555"/>
            <a:ext cx="3810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66</a:t>
            </a:r>
          </a:p>
        </p:txBody>
      </p:sp>
      <p:sp>
        <p:nvSpPr>
          <p:cNvPr id="94" name="OTLSHAPE_M_872246282f5c4ab3b04436e66a7523ee_Title">
            <a:extLst>
              <a:ext uri="{FF2B5EF4-FFF2-40B4-BE49-F238E27FC236}">
                <a16:creationId xmlns:a16="http://schemas.microsoft.com/office/drawing/2014/main" id="{2C98444E-04A3-F7E3-8BC5-25161434F22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95696" y="6062779"/>
            <a:ext cx="16383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Attempts suicide after years of abuse by Ike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95" name="OTLSHAPE_M_872246282f5c4ab3b04436e66a7523ee_Date">
            <a:extLst>
              <a:ext uri="{FF2B5EF4-FFF2-40B4-BE49-F238E27FC236}">
                <a16:creationId xmlns:a16="http://schemas.microsoft.com/office/drawing/2014/main" id="{7631946B-72D3-DD49-47E8-3A98D39984E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195696" y="5800905"/>
            <a:ext cx="3810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68</a:t>
            </a:r>
          </a:p>
        </p:txBody>
      </p:sp>
      <p:sp>
        <p:nvSpPr>
          <p:cNvPr id="97" name="OTLSHAPE_M_7d74c39eeea84d3f9e0a30ee705f62dc_Title">
            <a:extLst>
              <a:ext uri="{FF2B5EF4-FFF2-40B4-BE49-F238E27FC236}">
                <a16:creationId xmlns:a16="http://schemas.microsoft.com/office/drawing/2014/main" id="{FF29C380-A3ED-E9A4-315E-8C9402139BC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306838" y="1336235"/>
            <a:ext cx="2844800" cy="18288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Earns Grammy Award for "Proud Mary"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98" name="OTLSHAPE_M_7d74c39eeea84d3f9e0a30ee705f62dc_Date">
            <a:extLst>
              <a:ext uri="{FF2B5EF4-FFF2-40B4-BE49-F238E27FC236}">
                <a16:creationId xmlns:a16="http://schemas.microsoft.com/office/drawing/2014/main" id="{F47DBC7B-C313-5A09-191A-195A362D1E8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306838" y="1544515"/>
            <a:ext cx="3810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69</a:t>
            </a:r>
          </a:p>
        </p:txBody>
      </p:sp>
      <p:sp>
        <p:nvSpPr>
          <p:cNvPr id="100" name="OTLSHAPE_M_749e95f3a434452fb05a6fbe0de47b1f_Title">
            <a:extLst>
              <a:ext uri="{FF2B5EF4-FFF2-40B4-BE49-F238E27FC236}">
                <a16:creationId xmlns:a16="http://schemas.microsoft.com/office/drawing/2014/main" id="{F1021C20-78C2-FF3B-E7E4-A0AC82B7035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968858" y="4370564"/>
            <a:ext cx="16383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Stars in her first film, "Tommy" by </a:t>
            </a:r>
            <a:r>
              <a:rPr kumimoji="0" lang="en-GB" sz="12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The Who 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101" name="OTLSHAPE_M_749e95f3a434452fb05a6fbe0de47b1f_Date">
            <a:extLst>
              <a:ext uri="{FF2B5EF4-FFF2-40B4-BE49-F238E27FC236}">
                <a16:creationId xmlns:a16="http://schemas.microsoft.com/office/drawing/2014/main" id="{16C1330B-947A-2ECB-F779-1242FBD4F38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968858" y="4108690"/>
            <a:ext cx="3683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75</a:t>
            </a:r>
          </a:p>
        </p:txBody>
      </p:sp>
      <p:sp>
        <p:nvSpPr>
          <p:cNvPr id="103" name="OTLSHAPE_M_30309e865ae144e99c62b7e3d7f05b07_Title">
            <a:extLst>
              <a:ext uri="{FF2B5EF4-FFF2-40B4-BE49-F238E27FC236}">
                <a16:creationId xmlns:a16="http://schemas.microsoft.com/office/drawing/2014/main" id="{98F13255-E8B1-257D-E676-ECB630FF0FA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080302" y="869807"/>
            <a:ext cx="1838325" cy="18288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Files for divorce from Ike </a:t>
            </a:r>
            <a:endParaRPr kumimoji="0" lang="en-US" sz="1200" b="1" i="0" u="none" strike="noStrike" kern="1200" cap="none" spc="-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104" name="OTLSHAPE_M_30309e865ae144e99c62b7e3d7f05b07_Date">
            <a:extLst>
              <a:ext uri="{FF2B5EF4-FFF2-40B4-BE49-F238E27FC236}">
                <a16:creationId xmlns:a16="http://schemas.microsoft.com/office/drawing/2014/main" id="{BEDB4D28-5D04-1B84-7C84-C3CA2854B88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080302" y="1078087"/>
            <a:ext cx="3683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76</a:t>
            </a:r>
          </a:p>
        </p:txBody>
      </p:sp>
      <p:sp>
        <p:nvSpPr>
          <p:cNvPr id="106" name="OTLSHAPE_M_37b284194aba4ed6bc095088da4fa4fe_Title">
            <a:extLst>
              <a:ext uri="{FF2B5EF4-FFF2-40B4-BE49-F238E27FC236}">
                <a16:creationId xmlns:a16="http://schemas.microsoft.com/office/drawing/2014/main" id="{26912251-BCA6-C8C0-B0F3-5D90F0738C9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963094" y="5209989"/>
            <a:ext cx="17018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Releases comeback album "Private Dancer"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107" name="OTLSHAPE_M_37b284194aba4ed6bc095088da4fa4fe_Date">
            <a:extLst>
              <a:ext uri="{FF2B5EF4-FFF2-40B4-BE49-F238E27FC236}">
                <a16:creationId xmlns:a16="http://schemas.microsoft.com/office/drawing/2014/main" id="{D1657BFC-05AA-CBEA-F373-EEE940A08B7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963094" y="4948115"/>
            <a:ext cx="3810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84</a:t>
            </a:r>
          </a:p>
        </p:txBody>
      </p:sp>
      <p:sp>
        <p:nvSpPr>
          <p:cNvPr id="109" name="OTLSHAPE_M_8a065f2be4344e39b1e447fb9b7a8478_Title">
            <a:extLst>
              <a:ext uri="{FF2B5EF4-FFF2-40B4-BE49-F238E27FC236}">
                <a16:creationId xmlns:a16="http://schemas.microsoft.com/office/drawing/2014/main" id="{026306EF-8248-9AA4-E4BE-0AE51AC5155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073632" y="2768983"/>
            <a:ext cx="19558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Stars in "Mad Max Beyond Thunderdome"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110" name="OTLSHAPE_M_8a065f2be4344e39b1e447fb9b7a8478_Date">
            <a:extLst>
              <a:ext uri="{FF2B5EF4-FFF2-40B4-BE49-F238E27FC236}">
                <a16:creationId xmlns:a16="http://schemas.microsoft.com/office/drawing/2014/main" id="{FF90EA85-99D5-FA76-DB6B-0C69CF75706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073632" y="3160143"/>
            <a:ext cx="3683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85</a:t>
            </a:r>
          </a:p>
        </p:txBody>
      </p:sp>
      <p:sp>
        <p:nvSpPr>
          <p:cNvPr id="112" name="OTLSHAPE_M_0f78b6ee4dab4c62b527c2ea45a94126_Title">
            <a:extLst>
              <a:ext uri="{FF2B5EF4-FFF2-40B4-BE49-F238E27FC236}">
                <a16:creationId xmlns:a16="http://schemas.microsoft.com/office/drawing/2014/main" id="{1E21D1E2-11B5-C945-923D-73B777E94D1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735652" y="6044151"/>
            <a:ext cx="23495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Is inducted in Rock and Roll Hall of Fame as duo act with Ike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113" name="OTLSHAPE_M_0f78b6ee4dab4c62b527c2ea45a94126_Date">
            <a:extLst>
              <a:ext uri="{FF2B5EF4-FFF2-40B4-BE49-F238E27FC236}">
                <a16:creationId xmlns:a16="http://schemas.microsoft.com/office/drawing/2014/main" id="{7AABF0D7-A426-C703-8DC9-939CF4C8C4B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735652" y="5782277"/>
            <a:ext cx="3429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91</a:t>
            </a:r>
          </a:p>
        </p:txBody>
      </p:sp>
      <p:sp>
        <p:nvSpPr>
          <p:cNvPr id="115" name="OTLSHAPE_M_f462dc9aa2e345eab772997d8a9b701c_Title">
            <a:extLst>
              <a:ext uri="{FF2B5EF4-FFF2-40B4-BE49-F238E27FC236}">
                <a16:creationId xmlns:a16="http://schemas.microsoft.com/office/drawing/2014/main" id="{E711DDAA-AEF7-AA88-E31F-DBE56F39D3C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956727" y="1760804"/>
            <a:ext cx="28956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Played by Angela Basset in biographical film "What's love got to do with it?"</a:t>
            </a:r>
            <a:endParaRPr kumimoji="0" lang="en-US" sz="1200" b="1" i="0" u="none" strike="noStrike" kern="1200" cap="none" spc="-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116" name="OTLSHAPE_M_f462dc9aa2e345eab772997d8a9b701c_Date">
            <a:extLst>
              <a:ext uri="{FF2B5EF4-FFF2-40B4-BE49-F238E27FC236}">
                <a16:creationId xmlns:a16="http://schemas.microsoft.com/office/drawing/2014/main" id="{5AC04169-3DFC-998A-61F9-3780AE5145A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956727" y="2151964"/>
            <a:ext cx="3937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93</a:t>
            </a:r>
          </a:p>
        </p:txBody>
      </p:sp>
      <p:sp>
        <p:nvSpPr>
          <p:cNvPr id="118" name="OTLSHAPE_M_a209ceb1606b43fa837506b5f73c4cf6_Title">
            <a:extLst>
              <a:ext uri="{FF2B5EF4-FFF2-40B4-BE49-F238E27FC236}">
                <a16:creationId xmlns:a16="http://schemas.microsoft.com/office/drawing/2014/main" id="{64CF4C01-B924-C7C2-E026-A7EE56B87B0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280765" y="889460"/>
            <a:ext cx="13208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Receives Kennedy Center honors</a:t>
            </a:r>
          </a:p>
        </p:txBody>
      </p:sp>
      <p:sp>
        <p:nvSpPr>
          <p:cNvPr id="119" name="OTLSHAPE_M_a209ceb1606b43fa837506b5f73c4cf6_Date">
            <a:extLst>
              <a:ext uri="{FF2B5EF4-FFF2-40B4-BE49-F238E27FC236}">
                <a16:creationId xmlns:a16="http://schemas.microsoft.com/office/drawing/2014/main" id="{59B2B59D-1200-BB9F-4E60-4CE43E92042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280765" y="1280620"/>
            <a:ext cx="4064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05</a:t>
            </a:r>
          </a:p>
        </p:txBody>
      </p:sp>
      <p:sp>
        <p:nvSpPr>
          <p:cNvPr id="121" name="OTLSHAPE_M_4d6c6cc1bc074c9db9efc1f86ed40136_Title">
            <a:extLst>
              <a:ext uri="{FF2B5EF4-FFF2-40B4-BE49-F238E27FC236}">
                <a16:creationId xmlns:a16="http://schemas.microsoft.com/office/drawing/2014/main" id="{98D85748-BDC0-E3F6-99E3-DCB8829D0B7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612077" y="4836452"/>
            <a:ext cx="12573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Embarks on 50th </a:t>
            </a:r>
            <a:r>
              <a:rPr kumimoji="0" lang="en-GB" sz="12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Anniversary Tour </a:t>
            </a:r>
            <a:endParaRPr kumimoji="0" lang="en-US" sz="1200" b="1" i="0" u="none" strike="noStrike" kern="1200" cap="none" spc="-6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122" name="OTLSHAPE_M_4d6c6cc1bc074c9db9efc1f86ed40136_Date">
            <a:extLst>
              <a:ext uri="{FF2B5EF4-FFF2-40B4-BE49-F238E27FC236}">
                <a16:creationId xmlns:a16="http://schemas.microsoft.com/office/drawing/2014/main" id="{5A245C2E-C1A3-6859-9BEE-564F93308F0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612077" y="4574578"/>
            <a:ext cx="4064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08</a:t>
            </a:r>
          </a:p>
        </p:txBody>
      </p:sp>
      <p:sp>
        <p:nvSpPr>
          <p:cNvPr id="124" name="OTLSHAPE_M_62552f96184b4a649d965d5efdc06f0b_Title">
            <a:extLst>
              <a:ext uri="{FF2B5EF4-FFF2-40B4-BE49-F238E27FC236}">
                <a16:creationId xmlns:a16="http://schemas.microsoft.com/office/drawing/2014/main" id="{24DA608C-9296-2D10-E206-B9106DEDDD6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722615" y="2940694"/>
            <a:ext cx="2413000" cy="18288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Retires officially from performing </a:t>
            </a:r>
          </a:p>
        </p:txBody>
      </p:sp>
      <p:sp>
        <p:nvSpPr>
          <p:cNvPr id="125" name="OTLSHAPE_M_62552f96184b4a649d965d5efdc06f0b_Date">
            <a:extLst>
              <a:ext uri="{FF2B5EF4-FFF2-40B4-BE49-F238E27FC236}">
                <a16:creationId xmlns:a16="http://schemas.microsoft.com/office/drawing/2014/main" id="{468E1918-D2C0-5AD8-0CF1-DC1715EBC4F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722615" y="3148974"/>
            <a:ext cx="3937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09</a:t>
            </a:r>
          </a:p>
        </p:txBody>
      </p:sp>
      <p:sp>
        <p:nvSpPr>
          <p:cNvPr id="127" name="OTLSHAPE_M_0622782fd7f848d2a98b62bb4b43afb2_Title">
            <a:extLst>
              <a:ext uri="{FF2B5EF4-FFF2-40B4-BE49-F238E27FC236}">
                <a16:creationId xmlns:a16="http://schemas.microsoft.com/office/drawing/2014/main" id="{1DB47BB8-DFC0-71A2-A557-09E982AB2320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164162" y="5721252"/>
            <a:ext cx="1739900" cy="18288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Becomes a Swiss citizen </a:t>
            </a:r>
          </a:p>
        </p:txBody>
      </p:sp>
      <p:sp>
        <p:nvSpPr>
          <p:cNvPr id="128" name="OTLSHAPE_M_0622782fd7f848d2a98b62bb4b43afb2_Date">
            <a:extLst>
              <a:ext uri="{FF2B5EF4-FFF2-40B4-BE49-F238E27FC236}">
                <a16:creationId xmlns:a16="http://schemas.microsoft.com/office/drawing/2014/main" id="{55546FD7-B282-5DB0-7783-3794A85A41C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164162" y="5459378"/>
            <a:ext cx="3683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13</a:t>
            </a:r>
          </a:p>
        </p:txBody>
      </p:sp>
      <p:sp>
        <p:nvSpPr>
          <p:cNvPr id="130" name="OTLSHAPE_M_96af20944e7b4581861b26f657c9427c_Title">
            <a:extLst>
              <a:ext uri="{FF2B5EF4-FFF2-40B4-BE49-F238E27FC236}">
                <a16:creationId xmlns:a16="http://schemas.microsoft.com/office/drawing/2014/main" id="{F6FFCA49-C9A8-1A79-31CC-00511EE0A24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715946" y="2324127"/>
            <a:ext cx="2336800" cy="18288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"Tina" musical debuts in London</a:t>
            </a:r>
          </a:p>
        </p:txBody>
      </p:sp>
      <p:sp>
        <p:nvSpPr>
          <p:cNvPr id="131" name="OTLSHAPE_M_96af20944e7b4581861b26f657c9427c_Date">
            <a:extLst>
              <a:ext uri="{FF2B5EF4-FFF2-40B4-BE49-F238E27FC236}">
                <a16:creationId xmlns:a16="http://schemas.microsoft.com/office/drawing/2014/main" id="{8C9CDEFD-E958-4652-F539-9F3DAA3FCEE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715946" y="2532407"/>
            <a:ext cx="3683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133" name="OTLSHAPE_M_ca94204188884fab9486c34eeb4712e5_Title">
            <a:extLst>
              <a:ext uri="{FF2B5EF4-FFF2-40B4-BE49-F238E27FC236}">
                <a16:creationId xmlns:a16="http://schemas.microsoft.com/office/drawing/2014/main" id="{BE8DA187-D1C5-4CF3-6E9D-B7DE39457D2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047257" y="4370564"/>
            <a:ext cx="20320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Is inducted in Rock and Roll Hall of Fame as solo act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134" name="OTLSHAPE_M_ca94204188884fab9486c34eeb4712e5_Date">
            <a:extLst>
              <a:ext uri="{FF2B5EF4-FFF2-40B4-BE49-F238E27FC236}">
                <a16:creationId xmlns:a16="http://schemas.microsoft.com/office/drawing/2014/main" id="{59A2C96A-DA77-0C75-41EC-CA0D1737C751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0047257" y="4108690"/>
            <a:ext cx="3683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136" name="OTLSHAPE_M_9ba65000eada4488b1b5218c16f17efc_Title">
            <a:extLst>
              <a:ext uri="{FF2B5EF4-FFF2-40B4-BE49-F238E27FC236}">
                <a16:creationId xmlns:a16="http://schemas.microsoft.com/office/drawing/2014/main" id="{C597D75A-34BA-9C5B-C42C-C0BFCFE7E29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204910" y="1417882"/>
            <a:ext cx="1498600" cy="365760"/>
          </a:xfrm>
          <a:prstGeom prst="rect">
            <a:avLst/>
          </a:prstGeom>
          <a:solidFill>
            <a:srgbClr val="C9030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Raleway SemiBold" pitchFamily="2" charset="0"/>
                <a:ea typeface="+mn-ea"/>
                <a:cs typeface="+mn-cs"/>
              </a:rPr>
              <a:t>Passes away in Switzerland, aged 83</a:t>
            </a:r>
            <a:endParaRPr kumimoji="0" lang="en-US" sz="1200" b="1" i="0" u="none" strike="noStrike" kern="1200" cap="none" spc="-1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Raleway SemiBold" pitchFamily="2" charset="0"/>
              <a:ea typeface="+mn-ea"/>
              <a:cs typeface="+mn-cs"/>
            </a:endParaRPr>
          </a:p>
        </p:txBody>
      </p:sp>
      <p:sp>
        <p:nvSpPr>
          <p:cNvPr id="137" name="OTLSHAPE_M_9ba65000eada4488b1b5218c16f17efc_Date">
            <a:extLst>
              <a:ext uri="{FF2B5EF4-FFF2-40B4-BE49-F238E27FC236}">
                <a16:creationId xmlns:a16="http://schemas.microsoft.com/office/drawing/2014/main" id="{83DCF4E2-A75F-1489-FE0C-9A3D4A4BEF1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204910" y="1809042"/>
            <a:ext cx="1092200" cy="236474"/>
          </a:xfrm>
          <a:prstGeom prst="rect">
            <a:avLst/>
          </a:prstGeom>
          <a:solidFill>
            <a:srgbClr val="C90305">
              <a:alpha val="14902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1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May 24, 2023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8AD9F839-505D-C7B6-DD0E-0976EBA0933A}"/>
              </a:ext>
            </a:extLst>
          </p:cNvPr>
          <p:cNvSpPr txBox="1"/>
          <p:nvPr/>
        </p:nvSpPr>
        <p:spPr>
          <a:xfrm>
            <a:off x="752933" y="625559"/>
            <a:ext cx="4383035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>
                <a:latin typeface="Raleway ExtraBold" panose="020B0604020202020204" pitchFamily="2" charset="0"/>
              </a:rPr>
              <a:t>Tina Turner </a:t>
            </a:r>
            <a:r>
              <a:rPr lang="en-US" sz="2800" dirty="0">
                <a:latin typeface="Raleway Medium" pitchFamily="2" charset="0"/>
              </a:rPr>
              <a:t>timeline</a:t>
            </a:r>
            <a:endParaRPr lang="en-US" sz="3200" dirty="0">
              <a:latin typeface="Raleway Medium" pitchFamily="2" charset="0"/>
            </a:endParaRPr>
          </a:p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(1939-2023)</a:t>
            </a:r>
            <a:endParaRPr lang="en-US" sz="16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3" name="Picture 42" descr="A picture containing font, screenshot, graphics, text&#10;&#10;Description automatically generated">
            <a:extLst>
              <a:ext uri="{FF2B5EF4-FFF2-40B4-BE49-F238E27FC236}">
                <a16:creationId xmlns:a16="http://schemas.microsoft.com/office/drawing/2014/main" id="{DC1A1CA9-8B59-E56D-78CE-B0E0683831F5}"/>
              </a:ext>
            </a:extLst>
          </p:cNvPr>
          <p:cNvPicPr>
            <a:picLocks noChangeAspect="1"/>
          </p:cNvPicPr>
          <p:nvPr/>
        </p:nvPicPr>
        <p:blipFill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9740" y="1679085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289265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wO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xIiwiVG9wIjowLjAsIkxlZnQiOjIwLjAsIlJpZ2h0IjowLjAsIkJvdHRvbSI6MC4wfSwiUGFkZGluZyI6eyIkaWQiOiI2MiIsIlRvcCI6MC4wLCJMZWZ0IjowLjAsIlJpZ2h0IjowLjAsIkJvdHRvbSI6MC4wfSwiQmFja2dyb3VuZCI6eyIkaWQiOiI2MyIsIkNvbG9yIjp7IiRpZCI6IjY0IiwiQSI6MCwiUiI6MCwiRyI6MCwiQiI6MH19LCJJc1Zpc2libGUiOmZhbHNlLCJXaWR0aCI6MC4wLCJIZWlnaHQiOjAuMCwiQm9yZGVyU3R5bGUiOm51bGwsIlBhcmVudFN0eWxlIjpudWxsfSwiVG9kYXlUZXh0U3R5bGUiOnsiJGlkIjoiNjUiLCJGb250U2V0dGluZ3MiOnsiJGlkIjoiNjYiLCJGb250U2l6ZSI6MTI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aWQiOiIxMjkiLCJDb2xvciI6eyIkaWQiOiIxMzAiLCJBIjowLCJSIjowLCJHIjowLCJCIjowfX0sIklzVmlzaWJsZSI6dHJ1ZSwiV2lkdGgiOjAuMCwiSGVpZ2h0IjowLjAsIkJvcmRlclN0eWxlIjpudWxsLCJQYXJlbnRTdHlsZSI6bnVsbH0sIkRhdGVTdHlsZSI6eyIkaWQiOiIxMzEiLCJGb250U2V0dGluZ3MiOnsiJGlkIjoiMTMyIiwiRm9udFNpemUiOjE0LCJGb250TmFtZSI6IlNlZ29lIFVJIFNlbWlib2xkIiwiSXNCb2xkIjpmYWxzZSwiSXNJdGFsaWMiOmZhbHNlLCJJc1VuZGVybGluZWQiOmZhbHNlLCJQYXJlbnRTdHlsZSI6bnVsbH0sIkF1dG9TaXplIjowLCJGb3JlZ3JvdW5kIjp7IiRpZCI6IjEzMyIsIkNvbG9yIjp7IiRpZCI6IjEz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UiLCJUb3AiOjAuMCwiTGVmdCI6MC4wLCJSaWdodCI6MC4wLCJCb3R0b20iOjAuMH0sIlBhZGRpbmciOnsiJGlkIjoiMTM2IiwiVG9wIjowLjAsIkxlZnQiOjAuMCwiUmlnaHQiOjAuMCwiQm90dG9tIjowLjB9LCJCYWNrZ3JvdW5kIjp7IiRpZCI6IjEzNyIsIkNvbG9yIjp7IiRpZCI6IjEzOCIsIkEiOjAsIlIiOjAsIkciOjAsIkIiOjB9fSwiSXNWaXNpYmxlIjp0cnVlLCJXaWR0aCI6MC4wLCJIZWlnaHQiOjAuMCwiQm9yZGVyU3R5bGUiOm51bGwsIlBhcmVudFN0eWxlIjpudWxsfSwiRGF0ZUZvcm1hdCI6eyIkaWQiOiIxMz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1IiwiVG9wIjowLjAsIkxlZnQiOjAuMCwiUmlnaHQiOjAuMCwiQm90dG9tIjowLjB9LCJQYWRkaW5nIjp7IiRpZCI6IjE4NiIsIlRvcCI6MC4wLCJMZWZ0IjowLjAsIlJpZ2h0IjowLjAsIkJvdHRvbSI6MC4wfSwiQmFja2dyb3VuZCI6eyIkaWQiOiIxODciLCJDb2xvciI6eyIkaWQiOiIxODgiLCJBIjowLCJSIjowLCJHIjowLCJCIjowfX0sIklzVmlzaWJsZSI6dHJ1ZSwiV2lkdGgiOjAuMCwiSGVpZ2h0IjowLjAsIkJvcmRlclN0eWxlIjpudWxsLCJQYXJlbnRTdHlsZSI6bnVsbH0sIkRhdGVGb3JtYXQiOnsiJGlkIjoi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wsIl9leHBsaWNpdGx5U2V0Ijp7IiRpZCI6IjE5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AsIlZlcnRpY2FsQWxpZ25tZW50IjowLCJTbWFydEZvcmVncm91bmQiOm51bGwsIkJhY2tncm91bmRGaWxsVHlwZSI6MSwiTWFyZ2luIjp7IiRyZWYiOiIxMzUifSwiUGFkZGluZyI6eyIkcmVmIjoiMTM2In0sIkJhY2tncm91bmQiOnsiJGlkIjoiNDEzIiwiQ29sb3IiOnsiJGlkIjoiNDE0IiwiQSI6MzgsIlIiOjIwMSwiRyI6MywiQiI6NX19LCJJc1Zpc2libGUiOnRydWUsIldpZHRoIjowLjAsIkhlaWdodCI6MC4wLCJCb3JkZXJTdHlsZSI6eyIkaWQiOiI0MTUiLCJMaW5lQ29sb3IiOm51bGwsIkxpbmVXZWlnaHQiOjAuMCwiTGluZVR5cGUiOjAsIlBhcmVudFN0eWxlIjpudWxsfSwiUGFyZW50U3R5bGUiOm51bGx9LCJEYXRlRm9ybWF0Ijp7IiRpZCI6IjQx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V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3ODciLCJJbXBhT3B0aW9ucyI6eyIkaWQiOiI3O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ODk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c5MCIsIkRlcGVuZGVuY2llc1NjaGVkdWxpbmdNb2RlU2V0dGluZyI6IkZsZXhpYmxlIiwiRGVwZW5kZW5jaWVzUHJldmlvdXNTY2hlZHVsaW5nTW9kZSI6IkZsZXhpYmxlIiwiT25CcmVha2luZ0ZsZXhpYmxlU2NoZWR1bGluZ01vZGVTZXR0aW5nIjoiSWdub3JlQWN0aW9u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oundedCornerRectangleTimeband"/>
  <p:tag name="OTLTIMEBANDSHAPEHEIGHT" val="20"/>
  <p:tag name="OTLTIMEBANDSHAPEPADDINGLEFT" val="0"/>
  <p:tag name="OTLTIMEBANDCULTUREINFO" val="en-US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CALETYPE" val="Years"/>
  <p:tag name="OTLTIMEBANDSCALEFORMAT" val="MMM"/>
  <p:tag name="OTLTIMEBANDQUICKPOSITION" val="Custom"/>
  <p:tag name="OTLTIMEBANDSTARTDATE" val="1939-11-26T23:59:00.0000000"/>
  <p:tag name="OTLTIMEBANDENDDATE" val="2030-03-03T23:59:00.0000000"/>
  <p:tag name="OTLTIMEBANDTHREEDEFFECTS" val="None"/>
  <p:tag name="OTLTIMEBANDAUTODATERANGE" val="True"/>
  <p:tag name="OTLRIGHTENDCAPSMARGINRIGHT" val="82.6511627906957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39-11-26T23:59:00.0000000Z"/>
  <p:tag name="OTLPOSITIONONTASK" val="None"/>
  <p:tag name="OTLRELATEDTASKID" val="00000000-0000-0000-0000-000000000000"/>
  <p:tag name="OTLMTITLE" val="Born Anna-Mae Bullock in Nutbrush, Tennesse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kes the stage name Tina Turner, start of Ike &amp; Tina Turner Revue"/>
  <p:tag name="OTLDATE" val="1960-11-28T23:59:00.0000000Z"/>
  <p:tag name="OTLPOSITIONONTASK" val="None"/>
  <p:tag name="OTLRELATEDTASKID" val="00000000-0000-0000-0000-00000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66-11-30T23:59:00.0000000Z"/>
  <p:tag name="OTLPOSITIONONTASK" val="None"/>
  <p:tag name="OTLRELATEDTASKID" val="00000000-0000-0000-0000-000000000000"/>
  <p:tag name="OTLMTITLE" val="Ike &amp; Tina open for &#10;Rolling Stones on UK tour 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arns Grammy Award for &quot;Proud Mary&quot;"/>
  <p:tag name="OTLDATE" val="1969-12-04T23:59:00.0000000Z"/>
  <p:tag name="OTLPOSITIONONTASK" val="None"/>
  <p:tag name="OTLRELATEDTASKID" val="00000000-0000-0000-0000-00000000000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les for divorce from Ike "/>
  <p:tag name="OTLDATE" val="1976-12-08T23:59:00.0000000Z"/>
  <p:tag name="OTLPOSITIONONTASK" val="None"/>
  <p:tag name="OTLRELATEDTASKID" val="00000000-0000-0000-0000-000000000000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s in &quot;Mad Max Beyond Thunderdome&quot;"/>
  <p:tag name="OTLDATE" val="1985-12-10T23:59:00.0000000Z"/>
  <p:tag name="OTLPOSITIONONTASK" val="None"/>
  <p:tag name="OTLRELATEDTASKID" val="00000000-0000-0000-0000-000000000000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yed by Angela Basset in biographical film &quot;What's love got to do with it?&quot;"/>
  <p:tag name="OTLDATE" val="1993-12-12T23:59:00.0000000Z"/>
  <p:tag name="OTLPOSITIONONTASK" val="None"/>
  <p:tag name="OTLRELATEDTASKID" val="00000000-0000-0000-0000-00000000000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ceives Kennedy Center honors"/>
  <p:tag name="OTLDATE" val="2005-12-13T23:59:00.0000000Z"/>
  <p:tag name="OTLPOSITIONONTASK" val="None"/>
  <p:tag name="OTLRELATEDTASKID" val="00000000-0000-0000-0000-00000000000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9-12-15T23:59:00.0000000Z"/>
  <p:tag name="OTLPOSITIONONTASK" val="None"/>
  <p:tag name="OTLRELATEDTASKID" val="00000000-0000-0000-0000-000000000000"/>
  <p:tag name="OTLMTITLE" val="Retires officially from performing 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&quot;Tina&quot; musical debuts in London"/>
  <p:tag name="OTLDATE" val="2018-12-17T23:59:00.0000000Z"/>
  <p:tag name="OTLPOSITIONONTASK" val="None"/>
  <p:tag name="OTLRELATEDTASKID" val="00000000-0000-0000-0000-00000000000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sses away in Switzerland, aged 83"/>
  <p:tag name="OTLDATE" val="2023-05-24T23:59:00.0000000Z"/>
  <p:tag name="OTLPOSITIONONTASK" val="None"/>
  <p:tag name="OTLRELATEDTASKID" val="00000000-0000-0000-0000-000000000000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ves to St. Louis, meets Ike Turner"/>
  <p:tag name="OTLDATE" val="1956-11-27T23:59:00.0000000Z"/>
  <p:tag name="OTLPOSITIONONTASK" val="None"/>
  <p:tag name="OTLRELATEDTASKID" val="00000000-0000-0000-0000-00000000000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rries Ike Turner in Tijuana, Mexico"/>
  <p:tag name="OTLDATE" val="1962-11-29T23:59:00.0000000Z"/>
  <p:tag name="OTLPOSITIONONTASK" val="None"/>
  <p:tag name="OTLRELATEDTASKID" val="00000000-0000-0000-0000-00000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ttempts suicide after years of abuse by Ike"/>
  <p:tag name="OTLDATE" val="1968-12-01T23:59:00.0000000Z"/>
  <p:tag name="OTLPOSITIONONTASK" val="None"/>
  <p:tag name="OTLRELATEDTASKID" val="00000000-0000-0000-0000-00000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75-12-05T23:59:00.0000000Z"/>
  <p:tag name="OTLPOSITIONONTASK" val="None"/>
  <p:tag name="OTLRELATEDTASKID" val="00000000-0000-0000-0000-000000000000"/>
  <p:tag name="OTLMTITLE" val="Stars in her first film, &quot;Tommy&quot; by The Who 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leases comeback album &quot;Private Dancer&quot;"/>
  <p:tag name="OTLDATE" val="1984-12-09T23:59:00.0000000Z"/>
  <p:tag name="OTLPOSITIONONTASK" val="None"/>
  <p:tag name="OTLRELATEDTASKID" val="00000000-0000-0000-0000-00000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s inducted in Rock and Roll Hall of Fame as duo act with Ike"/>
  <p:tag name="OTLDATE" val="1991-12-11T23:59:00.0000000Z"/>
  <p:tag name="OTLPOSITIONONTASK" val="None"/>
  <p:tag name="OTLRELATEDTASKID" val="00000000-0000-0000-0000-00000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8-12-14T23:59:00.0000000Z"/>
  <p:tag name="OTLPOSITIONONTASK" val="None"/>
  <p:tag name="OTLRELATEDTASKID" val="00000000-0000-0000-0000-000000000000"/>
  <p:tag name="OTLMTITLE" val="Embarks on 50th Anniversary Tour 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3-12-16T23:59:00.0000000Z"/>
  <p:tag name="OTLPOSITIONONTASK" val="None"/>
  <p:tag name="OTLRELATEDTASKID" val="00000000-0000-0000-0000-000000000000"/>
  <p:tag name="OTLMTITLE" val="Becomes a Swiss citizen 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s inducted in Rock and Roll Hall of Fame as solo act"/>
  <p:tag name="OTLDATE" val="2021-12-18T23:59:00.0000000Z"/>
  <p:tag name="OTLPOSITIONONTASK" val="None"/>
  <p:tag name="OTLRELATEDTASKID" val="00000000-0000-0000-0000-00000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2</Words>
  <Application>Microsoft Office PowerPoint</Application>
  <PresentationFormat>Widescreen</PresentationFormat>
  <Paragraphs>6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2" baseType="lpstr">
      <vt:lpstr>Arial</vt:lpstr>
      <vt:lpstr>Calibri</vt:lpstr>
      <vt:lpstr>Calibri Light</vt:lpstr>
      <vt:lpstr>Raleway ExtraBold</vt:lpstr>
      <vt:lpstr>Raleway Medium</vt:lpstr>
      <vt:lpstr>Raleway SemiBold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6-13T08:43:01Z</dcterms:created>
  <dcterms:modified xsi:type="dcterms:W3CDTF">2023-06-13T09:36:07Z</dcterms:modified>
</cp:coreProperties>
</file>